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5AEF841F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3460D2">
        <w:rPr>
          <w:rFonts w:ascii="Arial" w:hAnsi="Arial" w:cs="Arial"/>
          <w:sz w:val="40"/>
          <w:szCs w:val="40"/>
        </w:rPr>
        <w:t>Genbrugspladsen Sundsholmen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3460D2">
        <w:rPr>
          <w:rFonts w:ascii="Arial" w:hAnsi="Arial" w:cs="Arial"/>
          <w:sz w:val="40"/>
          <w:szCs w:val="40"/>
        </w:rPr>
        <w:t>Sundsholmen 20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3460D2">
        <w:rPr>
          <w:rFonts w:ascii="Arial" w:hAnsi="Arial" w:cs="Arial"/>
          <w:sz w:val="40"/>
          <w:szCs w:val="40"/>
        </w:rPr>
        <w:t>940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3460D2">
        <w:rPr>
          <w:rFonts w:ascii="Arial" w:hAnsi="Arial" w:cs="Arial"/>
          <w:sz w:val="40"/>
          <w:szCs w:val="40"/>
        </w:rPr>
        <w:t>Nørresundby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31AC7BDE" w:rsidR="00EC6E6D" w:rsidRPr="00245E8B" w:rsidRDefault="003460D2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09.12.2021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5183C6C7" w:rsidR="00EC6E6D" w:rsidRPr="00245E8B" w:rsidRDefault="003460D2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665ED760" w:rsidR="00EC6E6D" w:rsidRPr="00245E8B" w:rsidRDefault="003460D2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46076753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530F5867" w:rsidR="00EC6E6D" w:rsidRPr="00245E8B" w:rsidRDefault="003460D2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29929935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4118CEFC" w:rsidR="00EC6E6D" w:rsidRPr="00F94A99" w:rsidRDefault="003460D2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K21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Genbrugspladser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4D94143D" w:rsidR="00EC6E6D" w:rsidRPr="00F94A99" w:rsidRDefault="003460D2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  <w:r>
              <w:rPr>
                <w:rFonts w:ascii="Arial" w:hAnsi="Arial" w:cs="Arial"/>
                <w:sz w:val="22"/>
                <w:szCs w:val="22"/>
              </w:rPr>
              <w:t>11.06.2012</w:t>
            </w:r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4FEAEDEB" w:rsidR="00EC6E6D" w:rsidRPr="00F94A99" w:rsidRDefault="003460D2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  <w:r>
              <w:rPr>
                <w:rFonts w:ascii="Arial" w:hAnsi="Arial" w:cs="Arial"/>
                <w:sz w:val="22"/>
                <w:szCs w:val="22"/>
              </w:rPr>
              <w:t>28.09.2015</w:t>
            </w:r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29854BD4" w:rsidR="004D6D3B" w:rsidRPr="00B93A39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</w:p>
        </w:tc>
        <w:tc>
          <w:tcPr>
            <w:tcW w:w="1134" w:type="dxa"/>
          </w:tcPr>
          <w:p w14:paraId="240C7CBB" w14:textId="40D974FF" w:rsidR="004D6D3B" w:rsidRPr="00B93A39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Start w:id="18" w:name="ind_enforce_enforce_date_2"/>
            <w:bookmarkEnd w:id="17"/>
            <w:bookmarkEnd w:id="18"/>
          </w:p>
        </w:tc>
        <w:tc>
          <w:tcPr>
            <w:tcW w:w="1417" w:type="dxa"/>
          </w:tcPr>
          <w:p w14:paraId="0E19DDC4" w14:textId="7C14C712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" w:name="ind_enforce_enforce_date_3"/>
            <w:bookmarkEnd w:id="19"/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115D54CA" w14:textId="66F51AC3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" w:name="ind_enforce_comments"/>
            <w:bookmarkStart w:id="21" w:name="ind_enforce_enforce_date_4"/>
            <w:bookmarkEnd w:id="20"/>
            <w:bookmarkEnd w:id="21"/>
          </w:p>
        </w:tc>
      </w:tr>
      <w:tr w:rsidR="004D6D3B" w:rsidRPr="00F94A99" w14:paraId="465F4E07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1054F08E" w14:textId="2EF0F725" w:rsidR="004D6D3B" w:rsidRPr="00CE67CB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force_enforce_date_5"/>
            <w:bookmarkEnd w:id="22"/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59D2359" w14:textId="119F7FA7" w:rsidR="004D6D3B" w:rsidRPr="00CE67CB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23" w:name="ind_enforce_enforce_date_6"/>
            <w:bookmarkEnd w:id="23"/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1861C3CF" w14:textId="0E208BCA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" w:name="ind_enforce_enforce_date_7"/>
            <w:bookmarkEnd w:id="24"/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79A191B2" w14:textId="79BACB92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" w:name="ind_enforce_enforce_date_8"/>
            <w:bookmarkEnd w:id="25"/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5A1A93F1" w14:textId="77777777" w:rsidR="003460D2" w:rsidRDefault="003460D2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6" w:name="ind_descr_product_descr_process"/>
            <w:bookmarkEnd w:id="26"/>
            <w:r>
              <w:rPr>
                <w:rFonts w:ascii="Arial" w:hAnsi="Arial" w:cs="Arial"/>
                <w:sz w:val="20"/>
                <w:szCs w:val="20"/>
              </w:rPr>
              <w:t>Virksomheden er en genbrugsplads, hvor private kan aflevere affald, herunder haveaffald. Pladsen er indrettet med befæstede arealer til affaldscontainer og haveaffald.</w:t>
            </w:r>
          </w:p>
          <w:p w14:paraId="4B4FEFDC" w14:textId="77777777" w:rsidR="003460D2" w:rsidRDefault="003460D2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et kemikaliehus med aflåst giftskab samt et mandskabshus.</w:t>
            </w:r>
          </w:p>
          <w:p w14:paraId="32008626" w14:textId="77777777" w:rsidR="003460D2" w:rsidRDefault="003460D2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Åbningstiderne er hverdage kl. 12:00 - 20:00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lørsda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søndage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helligedag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kl. 10:00 - 20:00.</w:t>
            </w:r>
          </w:p>
          <w:p w14:paraId="4DB384F4" w14:textId="77777777" w:rsidR="003460D2" w:rsidRDefault="003460D2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9353AD8" w14:textId="77777777" w:rsidR="003460D2" w:rsidRDefault="003460D2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81C62D7" w14:textId="7B006525"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kl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descr_product_product_area"/>
            <w:bookmarkEnd w:id="27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" w:name="ind_descr_product_employee_prod"/>
            <w:bookmarkEnd w:id="28"/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02B637DA" w:rsidR="00EC6E6D" w:rsidRPr="005D2D5F" w:rsidRDefault="003460D2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" w:name="ind_descr_product_operating_time"/>
            <w:bookmarkEnd w:id="29"/>
            <w:r>
              <w:rPr>
                <w:rFonts w:ascii="Arial" w:hAnsi="Arial" w:cs="Arial"/>
                <w:sz w:val="20"/>
                <w:szCs w:val="20"/>
              </w:rPr>
              <w:t>7 - 18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44D93E67" w:rsidR="00EC6E6D" w:rsidRPr="005D2D5F" w:rsidRDefault="003460D2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" w:name="ind_descr_product_operating_time_sat"/>
            <w:bookmarkEnd w:id="30"/>
            <w:r>
              <w:rPr>
                <w:rFonts w:ascii="Arial" w:hAnsi="Arial" w:cs="Arial"/>
                <w:sz w:val="20"/>
                <w:szCs w:val="20"/>
              </w:rPr>
              <w:t>7 -18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476D9C3B" w:rsidR="00EC6E6D" w:rsidRPr="005D2D5F" w:rsidRDefault="003460D2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" w:name="ind_descr_product_operating_time_sun"/>
            <w:bookmarkEnd w:id="31"/>
            <w:r>
              <w:rPr>
                <w:rFonts w:ascii="Arial" w:hAnsi="Arial" w:cs="Arial"/>
                <w:sz w:val="20"/>
                <w:szCs w:val="20"/>
              </w:rPr>
              <w:t>7 - 18</w:t>
            </w:r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5F795A8F" w:rsidR="00EC6E6D" w:rsidRPr="005D2D5F" w:rsidRDefault="003460D2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" w:name="ind_env_control_code_env_control_name"/>
            <w:bookmarkEnd w:id="32"/>
            <w:r>
              <w:rPr>
                <w:rFonts w:ascii="Arial" w:hAnsi="Arial" w:cs="Arial"/>
                <w:sz w:val="20"/>
                <w:szCs w:val="20"/>
              </w:rPr>
              <w:t>ISO 14001</w:t>
            </w:r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33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33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7E6166" w14:textId="0643958E" w:rsidR="00EC6E6D" w:rsidRPr="005D2D5F" w:rsidRDefault="003460D2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" w:name="ind_air_emis_source_source_idX2"/>
            <w:bookmarkEnd w:id="34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106B66A4" w14:textId="69CD21E7" w:rsidR="00EC6E6D" w:rsidRPr="005D2D5F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X2_2"/>
            <w:bookmarkEnd w:id="35"/>
            <w:r>
              <w:rPr>
                <w:rFonts w:ascii="Arial" w:hAnsi="Arial" w:cs="Arial"/>
                <w:sz w:val="20"/>
                <w:szCs w:val="20"/>
              </w:rPr>
              <w:t>Kemikalierum/skab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34D5A3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air_emis_source_source_idX2_3"/>
            <w:bookmarkEnd w:id="36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" w:name="ind_air_emis_source_source_idX2_4"/>
            <w:bookmarkEnd w:id="37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79C43552" w14:textId="7D9A9965" w:rsidR="00EC6E6D" w:rsidRPr="005D2D5F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air_emis_source_source_idX2_5"/>
            <w:bookmarkEnd w:id="38"/>
            <w:r>
              <w:rPr>
                <w:rFonts w:ascii="Arial" w:hAnsi="Arial" w:cs="Arial"/>
                <w:sz w:val="20"/>
                <w:szCs w:val="20"/>
              </w:rPr>
              <w:t>Luftfilter</w:t>
            </w: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4FA85662" w:rsidR="00EC6E6D" w:rsidRPr="005D2D5F" w:rsidRDefault="003460D2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9" w:name="ind_air_emis_source_source_id"/>
            <w:bookmarkEnd w:id="39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0" w:name="ind_air_emis_source_source_id_2"/>
            <w:bookmarkEnd w:id="40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0806C1C0" w:rsidR="00EC6E6D" w:rsidRPr="005D2D5F" w:rsidRDefault="003460D2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1" w:name="ind_air_emis_source_source_id_3"/>
            <w:bookmarkEnd w:id="41"/>
            <w:r>
              <w:rPr>
                <w:rFonts w:ascii="Arial" w:hAnsi="Arial" w:cs="Arial"/>
                <w:sz w:val="20"/>
                <w:szCs w:val="20"/>
              </w:rPr>
              <w:t>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2" w:name="ind_air_emis_source_source_id_4"/>
            <w:bookmarkEnd w:id="42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3" w:name="ind_air_emis_source_source_id_5"/>
            <w:bookmarkEnd w:id="43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4" w:name="ind_air_emis_source_source_id_6"/>
            <w:bookmarkEnd w:id="44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5" w:name="ind_air_emis_source_source_id_7"/>
            <w:bookmarkEnd w:id="45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77777777" w:rsidR="00EC6E6D" w:rsidRPr="005D2D5F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46" w:name="ind_energy_types_energy_type_name"/>
            <w:bookmarkEnd w:id="46"/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6FC9837E" w:rsidR="00EC6E6D" w:rsidRPr="005D2D5F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"/>
            <w:bookmarkEnd w:id="47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AA8D2" w14:textId="20C672D5" w:rsidR="00EC6E6D" w:rsidRPr="005D2D5F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_2"/>
            <w:bookmarkEnd w:id="48"/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</w:p>
        </w:tc>
      </w:tr>
      <w:tr w:rsidR="003460D2" w:rsidRPr="005D2D5F" w14:paraId="7FBFD55C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673A1BF" w14:textId="7D6918CA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_3"/>
            <w:bookmarkEnd w:id="49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D10FCD2" w14:textId="43E8ECA7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_4"/>
            <w:bookmarkEnd w:id="50"/>
            <w:r>
              <w:rPr>
                <w:rFonts w:ascii="Arial" w:hAnsi="Arial" w:cs="Arial"/>
                <w:sz w:val="20"/>
                <w:szCs w:val="20"/>
              </w:rPr>
              <w:t>Kemikaliehuset - udsug fra flere beholdere til farligt affald med filter</w:t>
            </w:r>
          </w:p>
        </w:tc>
      </w:tr>
      <w:tr w:rsidR="003460D2" w:rsidRPr="005D2D5F" w14:paraId="64998741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F60FB98" w14:textId="70E6B5C8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_5"/>
            <w:bookmarkEnd w:id="51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6A0DF0C" w14:textId="5DD8AC72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2" w:name="ind_control_items_control_item_name_6"/>
            <w:bookmarkEnd w:id="52"/>
            <w:r>
              <w:rPr>
                <w:rFonts w:ascii="Arial" w:hAnsi="Arial" w:cs="Arial"/>
                <w:sz w:val="20"/>
                <w:szCs w:val="20"/>
              </w:rPr>
              <w:t>Ved tilsynet var der intet at bemærke.</w:t>
            </w:r>
          </w:p>
        </w:tc>
      </w:tr>
      <w:tr w:rsidR="003460D2" w:rsidRPr="005D2D5F" w14:paraId="7784CD6C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E94A89A" w14:textId="3CC99315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_7"/>
            <w:bookmarkEnd w:id="53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814F842" w14:textId="1C1C675F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_8"/>
            <w:bookmarkEnd w:id="54"/>
            <w:r>
              <w:rPr>
                <w:rFonts w:ascii="Arial" w:hAnsi="Arial" w:cs="Arial"/>
                <w:sz w:val="20"/>
                <w:szCs w:val="20"/>
              </w:rPr>
              <w:t>Filterkontrol fra udsug for kemikaliehuset - klistermærke fra 2013's filterkontrol ved kontrolpanelet blev forevist ved tilsynet. Dokumentation for filterkontrol er efterfølgende fremsendt.</w:t>
            </w:r>
          </w:p>
        </w:tc>
      </w:tr>
      <w:tr w:rsidR="003460D2" w:rsidRPr="005D2D5F" w14:paraId="414214FA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F44BE60" w14:textId="1F2B8BD2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control_items_control_item_name_9"/>
            <w:bookmarkEnd w:id="55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B485719" w14:textId="649FB853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control_items_control_item_name_10"/>
            <w:bookmarkEnd w:id="56"/>
            <w:r>
              <w:rPr>
                <w:rFonts w:ascii="Arial" w:hAnsi="Arial" w:cs="Arial"/>
                <w:sz w:val="20"/>
                <w:szCs w:val="20"/>
              </w:rPr>
              <w:t>Ved tilsynet var der intet at bemærke.</w:t>
            </w:r>
          </w:p>
        </w:tc>
      </w:tr>
      <w:tr w:rsidR="003460D2" w:rsidRPr="005D2D5F" w14:paraId="4C1D2A65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F356621" w14:textId="15F03B3D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7" w:name="ind_control_items_control_item_name_11"/>
            <w:bookmarkEnd w:id="57"/>
            <w:r>
              <w:rPr>
                <w:rFonts w:ascii="Arial" w:hAnsi="Arial" w:cs="Arial"/>
                <w:sz w:val="20"/>
                <w:szCs w:val="20"/>
              </w:rPr>
              <w:lastRenderedPageBreak/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E9BDA93" w14:textId="3C1D3EC5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control_items_control_item_name_12"/>
            <w:bookmarkEnd w:id="58"/>
            <w:r>
              <w:rPr>
                <w:rFonts w:ascii="Arial" w:hAnsi="Arial" w:cs="Arial"/>
                <w:sz w:val="20"/>
                <w:szCs w:val="20"/>
              </w:rPr>
              <w:t>Genbrugsplanen opbevarer asbestholdigt affald (tagplader) i lukket container, der åbnes på forespørgsel. Vilkåret herom er opfyldt.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59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59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3460D2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5ABC8A56" w14:textId="48FDDA77" w:rsidR="00EC6E6D" w:rsidRPr="005D2D5F" w:rsidRDefault="003460D2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0" w:name="ind_noise_noise_id"/>
            <w:bookmarkEnd w:id="60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E13DF9C" w14:textId="4DB2EB56" w:rsidR="00EC6E6D" w:rsidRPr="005D2D5F" w:rsidRDefault="003460D2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1" w:name="ind_noise_noise_id_2"/>
            <w:bookmarkEnd w:id="61"/>
            <w:r>
              <w:rPr>
                <w:rFonts w:ascii="Arial" w:hAnsi="Arial" w:cs="Arial"/>
                <w:sz w:val="20"/>
                <w:szCs w:val="20"/>
              </w:rPr>
              <w:t>Ventilation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2" w:name="ind_noise_noise_id_3"/>
            <w:bookmarkEnd w:id="62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3" w:name="ind_noise_noise_id_4"/>
            <w:bookmarkEnd w:id="63"/>
          </w:p>
        </w:tc>
      </w:tr>
      <w:tr w:rsidR="003460D2" w:rsidRPr="005D2D5F" w14:paraId="719211B0" w14:textId="77777777" w:rsidTr="003460D2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743558D9" w14:textId="0BBD7AA3" w:rsidR="003460D2" w:rsidRDefault="003460D2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4" w:name="ind_noise_noise_id_5"/>
            <w:bookmarkEnd w:id="64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D9E783D" w14:textId="7F166FB1" w:rsidR="003460D2" w:rsidRDefault="003460D2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5" w:name="ind_noise_noise_id_6"/>
            <w:bookmarkEnd w:id="65"/>
            <w:r>
              <w:rPr>
                <w:rFonts w:ascii="Arial" w:hAnsi="Arial" w:cs="Arial"/>
                <w:sz w:val="20"/>
                <w:szCs w:val="20"/>
              </w:rPr>
              <w:t>Intern transport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3779C4C" w14:textId="77777777" w:rsidR="003460D2" w:rsidRPr="005D2D5F" w:rsidRDefault="003460D2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" w:name="ind_noise_noise_id_7"/>
            <w:bookmarkEnd w:id="66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14:paraId="1EB3C4D0" w14:textId="77777777" w:rsidR="003460D2" w:rsidRPr="005D2D5F" w:rsidRDefault="003460D2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7" w:name="ind_noise_noise_id_8"/>
            <w:bookmarkEnd w:id="67"/>
          </w:p>
        </w:tc>
      </w:tr>
      <w:tr w:rsidR="003460D2" w:rsidRPr="005D2D5F" w14:paraId="781C59BE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1D500AC2" w14:textId="72ABBC17" w:rsidR="003460D2" w:rsidRDefault="003460D2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8" w:name="ind_noise_noise_id_9"/>
            <w:bookmarkEnd w:id="68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2B987E0" w14:textId="415BB81D" w:rsidR="003460D2" w:rsidRDefault="003460D2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9" w:name="ind_noise_noise_id_10"/>
            <w:bookmarkEnd w:id="69"/>
            <w:r>
              <w:rPr>
                <w:rFonts w:ascii="Arial" w:hAnsi="Arial" w:cs="Arial"/>
                <w:sz w:val="20"/>
                <w:szCs w:val="20"/>
              </w:rPr>
              <w:t>Se støjrapport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429E5638" w14:textId="77777777" w:rsidR="003460D2" w:rsidRPr="005D2D5F" w:rsidRDefault="003460D2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0" w:name="ind_noise_noise_id_11"/>
            <w:bookmarkEnd w:id="70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4F5E84E0" w14:textId="77777777" w:rsidR="003460D2" w:rsidRPr="005D2D5F" w:rsidRDefault="003460D2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47B4C0CE" w:rsidR="00EC6E6D" w:rsidRPr="005D2D5F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control_items_control_item_nameX2"/>
            <w:bookmarkEnd w:id="71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E9CFE0F" w14:textId="7C5589D5" w:rsidR="00EC6E6D" w:rsidRPr="005D2D5F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2" w:name="ind_control_items_control_item_nameX2_2"/>
            <w:bookmarkEnd w:id="72"/>
            <w:proofErr w:type="spellStart"/>
            <w:r>
              <w:rPr>
                <w:rFonts w:ascii="Arial" w:hAnsi="Arial" w:cs="Arial"/>
                <w:sz w:val="20"/>
                <w:szCs w:val="20"/>
              </w:rPr>
              <w:t>Forudsætnign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i støjrapporten mht. placering af glascontainer, metalcontainer m.v. er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opfyldt.Der</w:t>
            </w:r>
            <w:proofErr w:type="spellEnd"/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er ikke flyttet rundt på disse containere siden sidst.</w:t>
            </w:r>
          </w:p>
        </w:tc>
      </w:tr>
      <w:tr w:rsidR="003460D2" w:rsidRPr="005D2D5F" w14:paraId="64BE4CD5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FFD5D5D" w14:textId="73966C14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control_items_control_item_nameX2_3"/>
            <w:bookmarkEnd w:id="73"/>
            <w:r>
              <w:rPr>
                <w:rFonts w:ascii="Arial" w:hAnsi="Arial" w:cs="Arial"/>
                <w:sz w:val="20"/>
                <w:szCs w:val="20"/>
              </w:rPr>
              <w:t>Støj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5F36034" w14:textId="6CBD4043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" w:name="ind_control_items_control_item_nameX2_4"/>
            <w:bookmarkEnd w:id="74"/>
            <w:r>
              <w:rPr>
                <w:rFonts w:ascii="Arial" w:hAnsi="Arial" w:cs="Arial"/>
                <w:sz w:val="20"/>
                <w:szCs w:val="20"/>
              </w:rPr>
              <w:t>Vurderes overholdt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76B310D1" w:rsidR="00EC6E6D" w:rsidRPr="005D2D5F" w:rsidRDefault="003460D2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5" w:name="ind_w_water_amount_permission_id"/>
            <w:bookmarkEnd w:id="75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4E990B6D" w:rsidR="00EC6E6D" w:rsidRPr="005D2D5F" w:rsidRDefault="003460D2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6" w:name="ind_w_water_amount_permission_id_2"/>
            <w:bookmarkEnd w:id="76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605824D8" w:rsidR="00EC6E6D" w:rsidRPr="005D2D5F" w:rsidRDefault="003460D2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77" w:name="ind_w_water_amount_permission_id_3"/>
            <w:bookmarkEnd w:id="77"/>
            <w:r>
              <w:rPr>
                <w:rFonts w:ascii="Arial" w:hAnsi="Arial" w:cs="Arial"/>
                <w:sz w:val="20"/>
                <w:szCs w:val="20"/>
              </w:rPr>
              <w:t>Forurenet overfladevan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8" w:name="ind_w_water_amount_permission_id_4"/>
            <w:bookmarkEnd w:id="78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9" w:name="ind_w_water_amount_permission_id_5"/>
            <w:bookmarkEnd w:id="79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0" w:name="ind_w_water_amount_permission_id_6"/>
            <w:bookmarkEnd w:id="80"/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308A60EA" w:rsidR="00EC6E6D" w:rsidRPr="005D2D5F" w:rsidRDefault="003460D2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81" w:name="ind_w_water_amount_permission_id_7"/>
            <w:bookmarkEnd w:id="81"/>
            <w:r>
              <w:rPr>
                <w:rFonts w:ascii="Arial" w:hAnsi="Arial" w:cs="Arial"/>
                <w:sz w:val="20"/>
                <w:szCs w:val="20"/>
              </w:rPr>
              <w:t>Sandfang</w:t>
            </w: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33573411" w:rsidR="00EC6E6D" w:rsidRPr="005D2D5F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2" w:name="ind_control_items_control_item_nameX3"/>
            <w:bookmarkEnd w:id="82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7921269" w14:textId="33752F0B" w:rsidR="00EC6E6D" w:rsidRPr="005D2D5F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3" w:name="ind_control_items_control_item_nameX3_2"/>
            <w:bookmarkEnd w:id="83"/>
            <w:r>
              <w:rPr>
                <w:rFonts w:ascii="Arial" w:hAnsi="Arial" w:cs="Arial"/>
                <w:sz w:val="20"/>
                <w:szCs w:val="20"/>
              </w:rPr>
              <w:t>Ingen bemærkninger</w:t>
            </w:r>
          </w:p>
        </w:tc>
      </w:tr>
      <w:tr w:rsidR="003460D2" w:rsidRPr="005D2D5F" w14:paraId="26365464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74604B0" w14:textId="0D504B09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4" w:name="ind_control_items_control_item_nameX3_3"/>
            <w:bookmarkEnd w:id="84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60289B9" w14:textId="77777777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5" w:name="ind_control_items_control_item_nameX3_4"/>
            <w:bookmarkEnd w:id="85"/>
            <w:r>
              <w:rPr>
                <w:rFonts w:ascii="Arial" w:hAnsi="Arial" w:cs="Arial"/>
                <w:sz w:val="20"/>
                <w:szCs w:val="20"/>
              </w:rPr>
              <w:t>Kørearealer: asfalt - sandfang - regnvandsledning - 1 gang årligt</w:t>
            </w:r>
          </w:p>
          <w:p w14:paraId="7B2B4843" w14:textId="77777777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Haveaffald: asfalt - sandfang med dykket afløb - afløbssystem - 2 gange årligt (+ 4 vejbrønde tæt på haveaffaldet)</w:t>
            </w:r>
          </w:p>
          <w:p w14:paraId="3FE6273F" w14:textId="77777777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Container: fliser - sandfang - regnvandsledning - 1 gang årligt</w:t>
            </w:r>
          </w:p>
          <w:p w14:paraId="2B8D8BB7" w14:textId="77777777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Metalcontainer - stå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da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ikke på tæt belægning med afløb til olieudskiller.</w:t>
            </w:r>
          </w:p>
          <w:p w14:paraId="242E7B21" w14:textId="6E4D6E4E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60D2" w:rsidRPr="005D2D5F" w14:paraId="3937C1A0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7598D98" w14:textId="2B0BF769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control_items_control_item_nameX3_5"/>
            <w:bookmarkEnd w:id="86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A0BAC68" w14:textId="77777777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7" w:name="ind_control_items_control_item_nameX3_6"/>
            <w:bookmarkEnd w:id="87"/>
            <w:r>
              <w:rPr>
                <w:rFonts w:ascii="Arial" w:hAnsi="Arial" w:cs="Arial"/>
                <w:sz w:val="20"/>
                <w:szCs w:val="20"/>
              </w:rPr>
              <w:t>Haveaffald - afløbssystem</w:t>
            </w:r>
          </w:p>
          <w:p w14:paraId="7199ED76" w14:textId="4CE1D9DD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Øvrigt - regnvandssystem dvs. grøft umiddelbart øst for pladsen.</w:t>
            </w:r>
          </w:p>
        </w:tc>
      </w:tr>
      <w:tr w:rsidR="003460D2" w:rsidRPr="005D2D5F" w14:paraId="71F1EA86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111CDA6" w14:textId="68BF15E8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8" w:name="ind_control_items_control_item_nameX3_7"/>
            <w:bookmarkEnd w:id="88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58646D9" w14:textId="3C6670D2" w:rsidR="003460D2" w:rsidRDefault="00FD526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9" w:name="ind_control_items_control_item_nameX3_8"/>
            <w:bookmarkEnd w:id="89"/>
            <w:r>
              <w:rPr>
                <w:rFonts w:ascii="Arial" w:hAnsi="Arial" w:cs="Arial"/>
                <w:sz w:val="20"/>
                <w:szCs w:val="20"/>
              </w:rPr>
              <w:t>Meddelt den 28.09.2015</w:t>
            </w:r>
            <w:r w:rsidR="003460D2">
              <w:rPr>
                <w:rFonts w:ascii="Arial" w:hAnsi="Arial" w:cs="Arial"/>
                <w:sz w:val="20"/>
                <w:szCs w:val="20"/>
              </w:rPr>
              <w:tab/>
            </w:r>
            <w:r w:rsidR="003460D2">
              <w:rPr>
                <w:rFonts w:ascii="Arial" w:hAnsi="Arial" w:cs="Arial"/>
                <w:sz w:val="20"/>
                <w:szCs w:val="20"/>
              </w:rPr>
              <w:tab/>
            </w:r>
            <w:r w:rsidR="003460D2">
              <w:rPr>
                <w:rFonts w:ascii="Arial" w:hAnsi="Arial" w:cs="Arial"/>
                <w:sz w:val="20"/>
                <w:szCs w:val="20"/>
              </w:rPr>
              <w:tab/>
            </w:r>
            <w:r w:rsidR="003460D2">
              <w:rPr>
                <w:rFonts w:ascii="Arial" w:hAnsi="Arial" w:cs="Arial"/>
                <w:sz w:val="20"/>
                <w:szCs w:val="20"/>
              </w:rPr>
              <w:tab/>
            </w:r>
            <w:r w:rsidR="003460D2">
              <w:rPr>
                <w:rFonts w:ascii="Arial" w:hAnsi="Arial" w:cs="Arial"/>
                <w:sz w:val="20"/>
                <w:szCs w:val="20"/>
              </w:rPr>
              <w:tab/>
            </w:r>
            <w:r w:rsidR="003460D2">
              <w:rPr>
                <w:rFonts w:ascii="Arial" w:hAnsi="Arial" w:cs="Arial"/>
                <w:sz w:val="20"/>
                <w:szCs w:val="20"/>
              </w:rPr>
              <w:tab/>
            </w:r>
          </w:p>
          <w:p w14:paraId="18E751B4" w14:textId="77777777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530B420E" w14:textId="7B58CE17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60D2" w:rsidRPr="005D2D5F" w14:paraId="6C51DF58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5E30106" w14:textId="1BF2240A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0" w:name="ind_control_items_control_item_nameX3_9"/>
            <w:bookmarkEnd w:id="90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0AB07A9" w14:textId="335D4ADB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control_items_control_item_nameX3_10"/>
            <w:bookmarkEnd w:id="91"/>
            <w:r>
              <w:rPr>
                <w:rFonts w:ascii="Arial" w:hAnsi="Arial" w:cs="Arial"/>
                <w:sz w:val="20"/>
                <w:szCs w:val="20"/>
              </w:rPr>
              <w:t>Ikke relevant pt.</w:t>
            </w:r>
          </w:p>
        </w:tc>
      </w:tr>
      <w:tr w:rsidR="003460D2" w:rsidRPr="005D2D5F" w14:paraId="7FF06B3F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7892949" w14:textId="454F41B4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2" w:name="ind_control_items_control_item_nameX3_11"/>
            <w:bookmarkEnd w:id="92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401B101" w14:textId="0C986CF0" w:rsidR="003460D2" w:rsidRDefault="003460D2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3" w:name="ind_control_items_control_item_nameX3_12"/>
            <w:bookmarkEnd w:id="93"/>
            <w:r>
              <w:rPr>
                <w:rFonts w:ascii="Arial" w:hAnsi="Arial" w:cs="Arial"/>
                <w:sz w:val="20"/>
                <w:szCs w:val="20"/>
              </w:rPr>
              <w:t>ingen vaskeplads</w:t>
            </w: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94" w:name="_Toc54669306"/>
      <w:r w:rsidRPr="005D2D5F">
        <w:rPr>
          <w:rFonts w:ascii="Arial" w:hAnsi="Arial" w:cs="Arial"/>
          <w:sz w:val="28"/>
          <w:szCs w:val="28"/>
        </w:rPr>
        <w:lastRenderedPageBreak/>
        <w:t>Olie- og benzinudskillere</w:t>
      </w:r>
      <w:bookmarkEnd w:id="94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5" w:name="ind_w_water_amount_idX2"/>
            <w:bookmarkEnd w:id="95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4E97DECC" w:rsidR="00EC6E6D" w:rsidRPr="00B93A39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6" w:name="ind_control_items_control_item_nameX4"/>
            <w:bookmarkEnd w:id="96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058BBD4" w14:textId="77777777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7" w:name="ind_control_items_control_item_nameX4_2"/>
            <w:bookmarkEnd w:id="97"/>
            <w:r>
              <w:rPr>
                <w:rFonts w:ascii="Arial" w:hAnsi="Arial" w:cs="Arial"/>
                <w:sz w:val="20"/>
                <w:szCs w:val="20"/>
              </w:rPr>
              <w:t>Der er ingen olieudskiller på virksomheden.</w:t>
            </w:r>
          </w:p>
          <w:p w14:paraId="749EB977" w14:textId="472AA7A1" w:rsidR="00EC6E6D" w:rsidRPr="00B93A39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sandfang.</w:t>
            </w:r>
          </w:p>
        </w:tc>
      </w:tr>
      <w:tr w:rsidR="003460D2" w:rsidRPr="00F94A99" w14:paraId="4F320491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6E1DEA2" w14:textId="4CE607EA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8" w:name="ind_control_items_control_item_nameX4_3"/>
            <w:bookmarkEnd w:id="98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226A26C" w14:textId="2FCA82A9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9" w:name="ind_control_items_control_item_nameX4_4"/>
            <w:bookmarkEnd w:id="99"/>
            <w:r>
              <w:rPr>
                <w:rFonts w:ascii="Arial" w:hAnsi="Arial" w:cs="Arial"/>
                <w:sz w:val="20"/>
                <w:szCs w:val="20"/>
              </w:rPr>
              <w:t xml:space="preserve">Kopi af dokumentation for tømning af sandfang e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fterf'ølgend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remsendt. S.P. Jensen tømmer.</w:t>
            </w: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00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100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1" w:name="ind_tank_ind_tank_id"/>
            <w:bookmarkEnd w:id="101"/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B37E61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</w:tcPr>
          <w:p w14:paraId="3A81F9A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</w:tcPr>
          <w:p w14:paraId="2752A56D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</w:tcPr>
          <w:p w14:paraId="28A11DD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8019EE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13DDE239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2" w:name="bbr_tech_inst_land_parcel_id"/>
            <w:bookmarkEnd w:id="102"/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423C58EF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202C9374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69219FAE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49F7CE8C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42BB9FC2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32ECB995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7536AB7D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4D5DDBF6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B09B744" w14:textId="07036165" w:rsidR="00EC6E6D" w:rsidRPr="00245E8B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control_items_control_item_nameX5"/>
            <w:bookmarkEnd w:id="103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EC8780E" w14:textId="27BC048F" w:rsidR="00EC6E6D" w:rsidRPr="00245E8B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4" w:name="ind_control_items_control_item_nameX5_2"/>
            <w:bookmarkEnd w:id="104"/>
            <w:r>
              <w:rPr>
                <w:rFonts w:ascii="Arial" w:hAnsi="Arial" w:cs="Arial"/>
                <w:sz w:val="20"/>
                <w:szCs w:val="20"/>
              </w:rPr>
              <w:t>Der forefindes ingen olietanke på genbrugspladsen.</w:t>
            </w: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05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10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6AE01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rawmat_types_rawmat_name"/>
            <w:bookmarkEnd w:id="106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A4F6C8D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044AFE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3BDD01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3E49F5A" w14:textId="77777777" w:rsidR="00EC6E6D" w:rsidRPr="00245E8B" w:rsidRDefault="00EC6E6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57F5A72" w14:textId="7307A382" w:rsidR="00EC6E6D" w:rsidRPr="00245E8B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7" w:name="ind_control_items_control_item_nameX6"/>
            <w:bookmarkEnd w:id="107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1BDB3D7" w14:textId="0718AFF6" w:rsidR="00EC6E6D" w:rsidRPr="00245E8B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8" w:name="ind_control_items_control_item_nameX6_2"/>
            <w:bookmarkEnd w:id="108"/>
            <w:r>
              <w:rPr>
                <w:rFonts w:ascii="Arial" w:hAnsi="Arial" w:cs="Arial"/>
                <w:sz w:val="20"/>
                <w:szCs w:val="20"/>
              </w:rPr>
              <w:t xml:space="preserve">Intet at bemærke - </w:t>
            </w: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D526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FD526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59231C0D" w:rsidR="00EC6E6D" w:rsidRPr="00245E8B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9" w:name="ind_control_items_control_item_nameX7"/>
            <w:bookmarkEnd w:id="109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32F7F497" w:rsidR="00EC6E6D" w:rsidRPr="00245E8B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0" w:name="ind_control_items_control_item_nameX7_2"/>
            <w:bookmarkEnd w:id="110"/>
            <w:r>
              <w:rPr>
                <w:rFonts w:ascii="Arial" w:hAnsi="Arial" w:cs="Arial"/>
                <w:sz w:val="20"/>
                <w:szCs w:val="20"/>
              </w:rPr>
              <w:t>Genbrugspladsen frembringer intet affald selv.</w:t>
            </w:r>
          </w:p>
        </w:tc>
      </w:tr>
      <w:tr w:rsidR="003460D2" w:rsidRPr="00245E8B" w14:paraId="2C2AF86D" w14:textId="77777777" w:rsidTr="00FD526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F18FBAA" w14:textId="078945F1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control_items_control_item_nameX7_3"/>
            <w:bookmarkEnd w:id="111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96B0DFF" w14:textId="77777777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2" w:name="ind_control_items_control_item_nameX7_4"/>
            <w:bookmarkEnd w:id="112"/>
            <w:r>
              <w:rPr>
                <w:rFonts w:ascii="Arial" w:hAnsi="Arial" w:cs="Arial"/>
                <w:sz w:val="20"/>
                <w:szCs w:val="20"/>
              </w:rPr>
              <w:t xml:space="preserve">Farligt affald bliver afleveret ved disk i kemikaliehuset. Affaldet sorteres af opsynsmand. </w:t>
            </w:r>
          </w:p>
          <w:p w14:paraId="2494DDC2" w14:textId="77777777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er aftale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okan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m modtagelse af alt det farlige affald.</w:t>
            </w:r>
          </w:p>
          <w:p w14:paraId="7C7B95B3" w14:textId="31D6FF18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Kemikaliehuset er med dobbelt bund. Evt. spild opsamles i tank med alarm. Alarmen testen hver onsdag. der har aldring været spild der har udløst alarmen. Brønden blev forevist ved tilsynet.</w:t>
            </w:r>
          </w:p>
        </w:tc>
      </w:tr>
      <w:tr w:rsidR="003460D2" w:rsidRPr="00245E8B" w14:paraId="435CD36F" w14:textId="77777777" w:rsidTr="00FD526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57B26C0" w14:textId="5B281839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3" w:name="ind_control_items_control_item_nameX7_5"/>
            <w:bookmarkEnd w:id="113"/>
            <w:r>
              <w:rPr>
                <w:rFonts w:ascii="Arial" w:hAnsi="Arial" w:cs="Arial"/>
                <w:sz w:val="20"/>
                <w:szCs w:val="20"/>
              </w:rPr>
              <w:lastRenderedPageBreak/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08A43EE" w14:textId="2C3626D0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4" w:name="ind_control_items_control_item_nameX7_6"/>
            <w:bookmarkEnd w:id="114"/>
            <w:proofErr w:type="spellStart"/>
            <w:r>
              <w:rPr>
                <w:rFonts w:ascii="Arial" w:hAnsi="Arial" w:cs="Arial"/>
                <w:sz w:val="20"/>
                <w:szCs w:val="20"/>
              </w:rPr>
              <w:t>E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container til hver affaldsfraktion på pladsen med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tydeligt afmærkning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</w:tr>
      <w:tr w:rsidR="003460D2" w:rsidRPr="00245E8B" w14:paraId="3A4D00CC" w14:textId="77777777" w:rsidTr="00FD526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4C4161D" w14:textId="37246715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5" w:name="ind_control_items_control_item_nameX7_7"/>
            <w:bookmarkEnd w:id="115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191328D" w14:textId="0A934ED3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6" w:name="ind_control_items_control_item_nameX7_8"/>
            <w:bookmarkEnd w:id="116"/>
            <w:r>
              <w:rPr>
                <w:rFonts w:ascii="Arial" w:hAnsi="Arial" w:cs="Arial"/>
                <w:sz w:val="20"/>
                <w:szCs w:val="20"/>
              </w:rPr>
              <w:t xml:space="preserve">I container - på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SF sten</w:t>
            </w:r>
            <w:proofErr w:type="gramEnd"/>
          </w:p>
        </w:tc>
      </w:tr>
      <w:tr w:rsidR="003460D2" w:rsidRPr="00245E8B" w14:paraId="642F359F" w14:textId="77777777" w:rsidTr="00FD526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624751F" w14:textId="0228F4F9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7" w:name="ind_control_items_control_item_nameX7_9"/>
            <w:bookmarkEnd w:id="117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466BE7F" w14:textId="77777777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control_items_control_item_nameX7_10"/>
            <w:bookmarkEnd w:id="118"/>
            <w:r>
              <w:rPr>
                <w:rFonts w:ascii="Arial" w:hAnsi="Arial" w:cs="Arial"/>
                <w:sz w:val="20"/>
                <w:szCs w:val="20"/>
              </w:rPr>
              <w:t xml:space="preserve">Affaldet køres enten til deponi i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Rærup,  til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 RenoNord, forbrænding, til  Farligt affald håndteres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okan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andre godkendte modtageranlæg</w:t>
            </w:r>
          </w:p>
          <w:p w14:paraId="4FAE1382" w14:textId="22DBEAF5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DanBørs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nvendes til at finde den bedste aftale for det genanvendelige affald f.eks. dæk, jern/metal, pap/papir, flasker m.v.</w:t>
            </w:r>
          </w:p>
        </w:tc>
      </w:tr>
      <w:tr w:rsidR="003460D2" w:rsidRPr="00245E8B" w14:paraId="04D659DC" w14:textId="77777777" w:rsidTr="00FD526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5A4CE28" w14:textId="2E41EFD7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control_items_control_item_nameX7_11"/>
            <w:bookmarkEnd w:id="119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E858F47" w14:textId="329AD74F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0" w:name="ind_control_items_control_item_nameX7_12"/>
            <w:bookmarkEnd w:id="120"/>
            <w:r>
              <w:rPr>
                <w:rFonts w:ascii="Arial" w:hAnsi="Arial" w:cs="Arial"/>
                <w:sz w:val="20"/>
                <w:szCs w:val="20"/>
              </w:rPr>
              <w:t>Kemikaliehuset med betongulve og sump.</w:t>
            </w:r>
          </w:p>
        </w:tc>
      </w:tr>
      <w:tr w:rsidR="003460D2" w:rsidRPr="00245E8B" w14:paraId="7AF279F5" w14:textId="77777777" w:rsidTr="00FD526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945BF80" w14:textId="433DB7F8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control_items_control_item_nameX7_13"/>
            <w:bookmarkEnd w:id="121"/>
            <w:r>
              <w:rPr>
                <w:rFonts w:ascii="Arial" w:hAnsi="Arial" w:cs="Arial"/>
                <w:sz w:val="20"/>
                <w:szCs w:val="20"/>
              </w:rPr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F1DD452" w14:textId="1A4F1E71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2" w:name="ind_control_items_control_item_nameX7_14"/>
            <w:bookmarkEnd w:id="122"/>
            <w:r>
              <w:rPr>
                <w:rFonts w:ascii="Arial" w:hAnsi="Arial" w:cs="Arial"/>
                <w:sz w:val="20"/>
                <w:szCs w:val="20"/>
              </w:rPr>
              <w:t xml:space="preserve">Der </w:t>
            </w:r>
            <w:r w:rsidR="00FD526B">
              <w:rPr>
                <w:rFonts w:ascii="Arial" w:hAnsi="Arial" w:cs="Arial"/>
                <w:sz w:val="20"/>
                <w:szCs w:val="20"/>
              </w:rPr>
              <w:t>oplagres</w:t>
            </w:r>
            <w:r>
              <w:rPr>
                <w:rFonts w:ascii="Arial" w:hAnsi="Arial" w:cs="Arial"/>
                <w:sz w:val="20"/>
                <w:szCs w:val="20"/>
              </w:rPr>
              <w:t xml:space="preserve"> ikke affald på genbrugspladsen. Langt det meste affald køres bort i løbet af max. 2 - 3 dage. Langt det meste affald køres væk indenfor 1 døgn.</w:t>
            </w:r>
          </w:p>
          <w:p w14:paraId="53D058FB" w14:textId="7FBB4DE5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blev udleveret en kopi Miljø- og arbejdsmiljøredegørelsen 2017 samt kopi af det grønne regnskab 2017, hvoraf det fremgår forbrug af vand, varme samt affaldsmængder.</w:t>
            </w: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2EFBA8E9" w:rsidR="00EC6E6D" w:rsidRPr="00245E8B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3" w:name="ind_control_items_control_item_nameX11"/>
            <w:bookmarkEnd w:id="123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5C507E8E" w:rsidR="00EC6E6D" w:rsidRPr="00245E8B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4" w:name="ind_control_items_control_item_nameX11_2"/>
            <w:bookmarkEnd w:id="124"/>
            <w:r>
              <w:rPr>
                <w:rFonts w:ascii="Arial" w:hAnsi="Arial" w:cs="Arial"/>
                <w:sz w:val="20"/>
                <w:szCs w:val="20"/>
              </w:rPr>
              <w:t xml:space="preserve">Der blev ikke </w:t>
            </w:r>
            <w:r w:rsidR="00FD526B">
              <w:rPr>
                <w:rFonts w:ascii="Arial" w:hAnsi="Arial" w:cs="Arial"/>
                <w:sz w:val="20"/>
                <w:szCs w:val="20"/>
              </w:rPr>
              <w:t>konstateret</w:t>
            </w:r>
            <w:r>
              <w:rPr>
                <w:rFonts w:ascii="Arial" w:hAnsi="Arial" w:cs="Arial"/>
                <w:sz w:val="20"/>
                <w:szCs w:val="20"/>
              </w:rPr>
              <w:t xml:space="preserve"> spild af kemikalier på pladsen</w:t>
            </w:r>
          </w:p>
        </w:tc>
      </w:tr>
      <w:tr w:rsidR="003460D2" w:rsidRPr="00245E8B" w14:paraId="6DFB31B2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F96A20E" w14:textId="58AE7598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5" w:name="ind_control_items_control_item_nameX11_3"/>
            <w:bookmarkEnd w:id="125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0D3F217" w14:textId="37E232D8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6" w:name="ind_control_items_control_item_nameX11_4"/>
            <w:bookmarkEnd w:id="126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</w:tr>
      <w:tr w:rsidR="003460D2" w:rsidRPr="00245E8B" w14:paraId="67AB75D3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156CB63" w14:textId="37D3FE83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7" w:name="ind_control_items_control_item_nameX11_5"/>
            <w:bookmarkEnd w:id="127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9C57878" w14:textId="5AD7BFC7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8" w:name="ind_control_items_control_item_nameX11_6"/>
            <w:bookmarkEnd w:id="128"/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</w:p>
        </w:tc>
      </w:tr>
      <w:tr w:rsidR="003460D2" w:rsidRPr="00245E8B" w14:paraId="1726CFB8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89D0E49" w14:textId="46FB7C3E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9" w:name="ind_control_items_control_item_nameX11_7"/>
            <w:bookmarkEnd w:id="129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C39F989" w14:textId="38DA2B6B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0" w:name="ind_control_items_control_item_nameX11_8"/>
            <w:bookmarkEnd w:id="130"/>
            <w:r>
              <w:rPr>
                <w:rFonts w:ascii="Arial" w:hAnsi="Arial" w:cs="Arial"/>
                <w:sz w:val="20"/>
                <w:szCs w:val="20"/>
              </w:rPr>
              <w:t>2.2.H13 - let erhvervsområde, Nørre Uttrup</w:t>
            </w:r>
          </w:p>
        </w:tc>
      </w:tr>
      <w:tr w:rsidR="003460D2" w:rsidRPr="00245E8B" w14:paraId="0CB7C748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332809" w14:textId="0164C723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1" w:name="ind_control_items_control_item_nameX11_9"/>
            <w:bookmarkEnd w:id="131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3736843" w14:textId="77777777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suel kontrol af de befæstede arealer + gulv i kemikaliehus - dette gøres jævnligt. </w:t>
            </w:r>
          </w:p>
          <w:p w14:paraId="62BDB1B9" w14:textId="77777777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riftsjournal:</w:t>
            </w:r>
          </w:p>
          <w:p w14:paraId="227CC40A" w14:textId="424D5290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- løbende </w:t>
            </w:r>
            <w:r w:rsidR="00FD526B">
              <w:rPr>
                <w:rFonts w:ascii="Arial" w:hAnsi="Arial" w:cs="Arial"/>
                <w:sz w:val="20"/>
                <w:szCs w:val="20"/>
              </w:rPr>
              <w:t>registrering</w:t>
            </w:r>
            <w:r>
              <w:rPr>
                <w:rFonts w:ascii="Arial" w:hAnsi="Arial" w:cs="Arial"/>
                <w:sz w:val="20"/>
                <w:szCs w:val="20"/>
              </w:rPr>
              <w:t xml:space="preserve"> af bortkørt affald - dette sker elektronisk</w:t>
            </w:r>
          </w:p>
          <w:p w14:paraId="79BCF496" w14:textId="77777777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Belægningsinspektion</w:t>
            </w:r>
          </w:p>
          <w:p w14:paraId="05F88878" w14:textId="77777777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mængden af oplagrede affald - ingen registrering, da der ikke er oplag af affald på genbrugspladsen.</w:t>
            </w:r>
          </w:p>
          <w:p w14:paraId="25753956" w14:textId="77777777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Tømning af sandfang m.v. - er efterfølgende fremsendt</w:t>
            </w:r>
          </w:p>
          <w:p w14:paraId="1093AF46" w14:textId="2A9807F0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460D2" w:rsidRPr="00245E8B" w14:paraId="1D6649CE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81D71DA" w14:textId="782A2D6A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CA5BD92" w14:textId="2B653AA0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2-kortlagt.</w:t>
            </w:r>
          </w:p>
        </w:tc>
      </w:tr>
      <w:tr w:rsidR="003460D2" w:rsidRPr="00245E8B" w14:paraId="5D207C40" w14:textId="77777777" w:rsidTr="003460D2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2FA93FE" w14:textId="424B83FC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20C4E30" w14:textId="66132121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arbejder med miljøforbedringer i forbindelse med deres miljøcertificering.</w:t>
            </w:r>
          </w:p>
        </w:tc>
      </w:tr>
      <w:tr w:rsidR="003460D2" w:rsidRPr="00245E8B" w14:paraId="073FDD94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777156C" w14:textId="3824181C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E7DB2C5" w14:textId="4C01230E" w:rsidR="003460D2" w:rsidRDefault="003460D2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2" w:name="ind_control_items_control_item_nameX11_1"/>
            <w:bookmarkEnd w:id="132"/>
            <w:r>
              <w:rPr>
                <w:rFonts w:ascii="Arial" w:hAnsi="Arial" w:cs="Arial"/>
                <w:sz w:val="20"/>
                <w:szCs w:val="20"/>
              </w:rPr>
              <w:t xml:space="preserve">Virksomheden prøver hele tiden på at forbedre deres sortering, så mest muligt kan genanvendes eller </w:t>
            </w:r>
            <w:r w:rsidR="00FD526B">
              <w:rPr>
                <w:rFonts w:ascii="Arial" w:hAnsi="Arial" w:cs="Arial"/>
                <w:sz w:val="20"/>
                <w:szCs w:val="20"/>
              </w:rPr>
              <w:t>nyttiggøres</w:t>
            </w: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620913926">
    <w:abstractNumId w:val="11"/>
  </w:num>
  <w:num w:numId="2" w16cid:durableId="633826908">
    <w:abstractNumId w:val="8"/>
  </w:num>
  <w:num w:numId="3" w16cid:durableId="797139568">
    <w:abstractNumId w:val="10"/>
  </w:num>
  <w:num w:numId="4" w16cid:durableId="1879274809">
    <w:abstractNumId w:val="9"/>
  </w:num>
  <w:num w:numId="5" w16cid:durableId="863251033">
    <w:abstractNumId w:val="7"/>
  </w:num>
  <w:num w:numId="6" w16cid:durableId="1359818745">
    <w:abstractNumId w:val="6"/>
  </w:num>
  <w:num w:numId="7" w16cid:durableId="752430545">
    <w:abstractNumId w:val="5"/>
  </w:num>
  <w:num w:numId="8" w16cid:durableId="1996757088">
    <w:abstractNumId w:val="4"/>
  </w:num>
  <w:num w:numId="9" w16cid:durableId="279724850">
    <w:abstractNumId w:val="3"/>
  </w:num>
  <w:num w:numId="10" w16cid:durableId="1481772346">
    <w:abstractNumId w:val="2"/>
  </w:num>
  <w:num w:numId="11" w16cid:durableId="942570619">
    <w:abstractNumId w:val="1"/>
  </w:num>
  <w:num w:numId="12" w16cid:durableId="2007980329">
    <w:abstractNumId w:val="0"/>
  </w:num>
  <w:num w:numId="13" w16cid:durableId="100228458">
    <w:abstractNumId w:val="10"/>
  </w:num>
  <w:num w:numId="14" w16cid:durableId="189489586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3489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334E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191C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316B"/>
    <w:rsid w:val="003363D3"/>
    <w:rsid w:val="00337202"/>
    <w:rsid w:val="0034137E"/>
    <w:rsid w:val="003460D2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477E3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526B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3489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0</TotalTime>
  <Pages>5</Pages>
  <Words>794</Words>
  <Characters>5525</Characters>
  <Application>Microsoft Office Word</Application>
  <DocSecurity>0</DocSecurity>
  <Lines>460</Lines>
  <Paragraphs>263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605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Pia Mathiasen</cp:lastModifiedBy>
  <cp:revision>2</cp:revision>
  <cp:lastPrinted>2010-03-04T09:12:00Z</cp:lastPrinted>
  <dcterms:created xsi:type="dcterms:W3CDTF">2025-07-23T19:58:00Z</dcterms:created>
  <dcterms:modified xsi:type="dcterms:W3CDTF">2025-07-23T19:58:00Z</dcterms:modified>
</cp:coreProperties>
</file>